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27928"/>
  <workbookPr codeName="ThisWorkbook"/>
  <mc:AlternateContent xmlns:mc="http://schemas.openxmlformats.org/markup-compatibility/2006">
    <mc:Choice Requires="x15">
      <x15ac:absPath xmlns:x15ac="http://schemas.microsoft.com/office/spreadsheetml/2010/11/ac" url="https://nationalbankendk.sharepoint.com/sites/IntStatsgld-MO/Shared Documents/06_Investor Relations and Communication/07_Websites/02_Trading and data/01_List of Danish government bonds/"/>
    </mc:Choice>
  </mc:AlternateContent>
  <xr:revisionPtr revIDLastSave="28" documentId="13_ncr:1_{D4AD0405-B105-41A9-B113-CD481D135150}" xr6:coauthVersionLast="47" xr6:coauthVersionMax="47" xr10:uidLastSave="{B7F849E2-E5BC-4682-9078-30B1BF8F1FE7}"/>
  <bookViews>
    <workbookView xWindow="-28920" yWindow="-120" windowWidth="29040" windowHeight="17025" xr2:uid="{00000000-000D-0000-FFFF-FFFF00000000}"/>
  </bookViews>
  <sheets>
    <sheet name="Historical Benchmark Segments" sheetId="2" r:id="rId1"/>
  </sheets>
  <calcPr calcId="92512"/>
</workbook>
</file>

<file path=xl/sharedStrings.xml><?xml version="1.0" encoding="utf-8"?>
<sst xmlns="http://schemas.openxmlformats.org/spreadsheetml/2006/main" count="54" uniqueCount="29">
  <si>
    <t>ISIN</t>
  </si>
  <si>
    <t xml:space="preserve">Two-year    </t>
  </si>
  <si>
    <t>DK0009921355</t>
  </si>
  <si>
    <t>DK0009920704</t>
  </si>
  <si>
    <t>DK0009921785</t>
  </si>
  <si>
    <t>DK0009922593</t>
  </si>
  <si>
    <t>DK0009920894</t>
  </si>
  <si>
    <t>DK0009922833</t>
  </si>
  <si>
    <t>DK0009922759</t>
  </si>
  <si>
    <t>DK0009923484</t>
  </si>
  <si>
    <t>DK0009923641</t>
  </si>
  <si>
    <t>DK0009923997</t>
  </si>
  <si>
    <t>DK0009921439</t>
  </si>
  <si>
    <t>DK0009922403</t>
  </si>
  <si>
    <t>DK0009922676</t>
  </si>
  <si>
    <t>DK0009923054</t>
  </si>
  <si>
    <t>DK0009923138</t>
  </si>
  <si>
    <t xml:space="preserve">Ten-year    </t>
  </si>
  <si>
    <t>DK0009921942</t>
  </si>
  <si>
    <t>DK0009923567</t>
  </si>
  <si>
    <t>DK0009923807</t>
  </si>
  <si>
    <t>DK0009924102</t>
  </si>
  <si>
    <t>DK0009924292</t>
  </si>
  <si>
    <t>DK0009924532</t>
  </si>
  <si>
    <t>DK0009924888</t>
  </si>
  <si>
    <t>End Date</t>
  </si>
  <si>
    <t>Start Date</t>
  </si>
  <si>
    <t xml:space="preserve">Benchmark </t>
  </si>
  <si>
    <t>DK0009924961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6" x14ac:knownFonts="1">
    <font>
      <sz val="10"/>
      <name val="Arial"/>
    </font>
    <font>
      <sz val="10"/>
      <name val="Nationalbank"/>
      <family val="2"/>
    </font>
    <font>
      <sz val="8.5"/>
      <name val="Nationalbank"/>
      <family val="1"/>
    </font>
    <font>
      <b/>
      <sz val="10"/>
      <name val="Arial"/>
      <family val="2"/>
    </font>
    <font>
      <sz val="10"/>
      <name val="Arial"/>
      <family val="2"/>
    </font>
    <font>
      <sz val="10"/>
      <name val="Nationalbank"/>
      <family val="2"/>
      <scheme val="maj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8">
    <xf numFmtId="0" fontId="0" fillId="0" borderId="0" xfId="0"/>
    <xf numFmtId="14" fontId="1" fillId="0" borderId="0" xfId="0" applyNumberFormat="1" applyFont="1"/>
    <xf numFmtId="0" fontId="2" fillId="0" borderId="0" xfId="0" applyFont="1" applyAlignment="1">
      <alignment horizontal="left" vertical="center" indent="4"/>
    </xf>
    <xf numFmtId="0" fontId="3" fillId="0" borderId="0" xfId="0" applyFont="1"/>
    <xf numFmtId="0" fontId="4" fillId="0" borderId="0" xfId="0" applyFont="1"/>
    <xf numFmtId="14" fontId="0" fillId="0" borderId="0" xfId="0" applyNumberFormat="1"/>
    <xf numFmtId="14" fontId="5" fillId="0" borderId="0" xfId="0" applyNumberFormat="1" applyFont="1"/>
    <xf numFmtId="0" fontId="5" fillId="0" borderId="0" xfId="0" applyFont="1"/>
  </cellXfs>
  <cellStyles count="1">
    <cellStyle name="Normal" xfId="0" builtinId="0"/>
  </cellStyles>
  <dxfs count="0"/>
  <tableStyles count="0" defaultTableStyle="TableStyleMedium2" defaultPivotStyle="PivotStyleLight16"/>
  <colors>
    <indexedColors>
      <rgbColor rgb="00000000"/>
      <rgbColor rgb="00FFFFFF"/>
      <rgbColor rgb="00FF0000"/>
      <rgbColor rgb="0000FF00"/>
      <rgbColor rgb="000000FF"/>
      <rgbColor rgb="00FFFF00"/>
      <rgbColor rgb="00FF00FF"/>
      <rgbColor rgb="0000FFFF"/>
      <rgbColor rgb="00000000"/>
      <rgbColor rgb="00FFFFFF"/>
      <rgbColor rgb="00FF0000"/>
      <rgbColor rgb="0000FF00"/>
      <rgbColor rgb="000000FF"/>
      <rgbColor rgb="00FFFF00"/>
      <rgbColor rgb="00FF00FF"/>
      <rgbColor rgb="0000FFFF"/>
      <rgbColor rgb="00800000"/>
      <rgbColor rgb="00008000"/>
      <rgbColor rgb="00000080"/>
      <rgbColor rgb="00808000"/>
      <rgbColor rgb="00800080"/>
      <rgbColor rgb="00008080"/>
      <rgbColor rgb="00C0C0C0"/>
      <rgbColor rgb="00808080"/>
      <rgbColor rgb="003899D8"/>
      <rgbColor rgb="00E2B220"/>
      <rgbColor rgb="00902A60"/>
      <rgbColor rgb="00B0B0B0"/>
      <rgbColor rgb="00836424"/>
      <rgbColor rgb="009EC939"/>
      <rgbColor rgb="00C84D4D"/>
      <rgbColor rgb="00CCCCFF"/>
      <rgbColor rgb="00000080"/>
      <rgbColor rgb="00FF00FF"/>
      <rgbColor rgb="00FFFF00"/>
      <rgbColor rgb="0000FFFF"/>
      <rgbColor rgb="00800080"/>
      <rgbColor rgb="00800000"/>
      <rgbColor rgb="00008080"/>
      <rgbColor rgb="000000FF"/>
      <rgbColor rgb="0000CCFF"/>
      <rgbColor rgb="00CCFFFF"/>
      <rgbColor rgb="00CCFFCC"/>
      <rgbColor rgb="00FFFF99"/>
      <rgbColor rgb="0099CCFF"/>
      <rgbColor rgb="00FF99CC"/>
      <rgbColor rgb="00CC99FF"/>
      <rgbColor rgb="00FFCC99"/>
      <rgbColor rgb="003366FF"/>
      <rgbColor rgb="0033CCCC"/>
      <rgbColor rgb="0099CC00"/>
      <rgbColor rgb="00FFCC00"/>
      <rgbColor rgb="00FF9900"/>
      <rgbColor rgb="00FF6600"/>
      <rgbColor rgb="00666699"/>
      <rgbColor rgb="00969696"/>
      <rgbColor rgb="00003366"/>
      <rgbColor rgb="00339966"/>
      <rgbColor rgb="00003300"/>
      <rgbColor rgb="00333300"/>
      <rgbColor rgb="00993300"/>
      <rgbColor rgb="00993366"/>
      <rgbColor rgb="00333399"/>
      <rgbColor rgb="00333333"/>
    </indexed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Danmarks Nationalbank">
      <a:dk1>
        <a:sysClr val="windowText" lastClr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</a:theme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sheetPr codeName="Ark2"/>
  <dimension ref="A1:R34"/>
  <sheetViews>
    <sheetView tabSelected="1" workbookViewId="0">
      <selection activeCell="F42" sqref="F42"/>
    </sheetView>
  </sheetViews>
  <sheetFormatPr defaultRowHeight="12.7" x14ac:dyDescent="0.4"/>
  <cols>
    <col min="1" max="2" width="11.29296875" bestFit="1" customWidth="1"/>
    <col min="3" max="3" width="15.1171875" bestFit="1" customWidth="1"/>
    <col min="4" max="4" width="11.29296875" bestFit="1" customWidth="1"/>
    <col min="5" max="5" width="15.1171875" bestFit="1" customWidth="1"/>
    <col min="6" max="6" width="16.703125" bestFit="1" customWidth="1"/>
  </cols>
  <sheetData>
    <row r="1" spans="1:18" x14ac:dyDescent="0.4">
      <c r="A1" s="3" t="s">
        <v>26</v>
      </c>
      <c r="B1" s="3" t="s">
        <v>25</v>
      </c>
      <c r="C1" s="3" t="s">
        <v>0</v>
      </c>
      <c r="D1" s="3" t="s">
        <v>27</v>
      </c>
    </row>
    <row r="2" spans="1:18" x14ac:dyDescent="0.4">
      <c r="A2" s="6">
        <v>38169</v>
      </c>
      <c r="B2" s="6">
        <v>38471</v>
      </c>
      <c r="C2" s="7" t="s">
        <v>2</v>
      </c>
      <c r="D2" s="7" t="s">
        <v>1</v>
      </c>
    </row>
    <row r="3" spans="1:18" x14ac:dyDescent="0.4">
      <c r="A3" s="6">
        <v>38472</v>
      </c>
      <c r="B3" s="6">
        <v>39233</v>
      </c>
      <c r="C3" s="7" t="s">
        <v>3</v>
      </c>
      <c r="D3" s="7" t="s">
        <v>1</v>
      </c>
      <c r="G3" s="5"/>
      <c r="H3" s="5"/>
      <c r="I3" s="2"/>
    </row>
    <row r="4" spans="1:18" x14ac:dyDescent="0.4">
      <c r="A4" s="6">
        <v>39234</v>
      </c>
      <c r="B4" s="6">
        <v>39995</v>
      </c>
      <c r="C4" s="7" t="s">
        <v>4</v>
      </c>
      <c r="D4" s="7" t="s">
        <v>1</v>
      </c>
      <c r="G4" s="5"/>
      <c r="H4" s="5"/>
    </row>
    <row r="5" spans="1:18" x14ac:dyDescent="0.4">
      <c r="A5" s="6">
        <v>39998</v>
      </c>
      <c r="B5" s="6">
        <v>40724</v>
      </c>
      <c r="C5" s="7" t="s">
        <v>5</v>
      </c>
      <c r="D5" s="7" t="s">
        <v>1</v>
      </c>
      <c r="G5" s="1"/>
      <c r="H5" s="5"/>
    </row>
    <row r="6" spans="1:18" x14ac:dyDescent="0.4">
      <c r="A6" s="6">
        <v>40725</v>
      </c>
      <c r="B6" s="6">
        <v>41089</v>
      </c>
      <c r="C6" s="7" t="s">
        <v>6</v>
      </c>
      <c r="D6" s="7" t="s">
        <v>1</v>
      </c>
      <c r="G6" s="1"/>
      <c r="H6" s="5"/>
    </row>
    <row r="7" spans="1:18" x14ac:dyDescent="0.4">
      <c r="A7" s="6">
        <v>41092</v>
      </c>
      <c r="B7" s="6">
        <v>41271</v>
      </c>
      <c r="C7" s="7" t="s">
        <v>7</v>
      </c>
      <c r="D7" s="7" t="s">
        <v>1</v>
      </c>
      <c r="G7" s="1"/>
      <c r="H7" s="5"/>
    </row>
    <row r="8" spans="1:18" x14ac:dyDescent="0.4">
      <c r="A8" s="6">
        <v>41276</v>
      </c>
      <c r="B8" s="6">
        <v>42366</v>
      </c>
      <c r="C8" s="7" t="s">
        <v>8</v>
      </c>
      <c r="D8" s="7" t="s">
        <v>1</v>
      </c>
      <c r="G8" s="1"/>
      <c r="H8" s="5"/>
    </row>
    <row r="9" spans="1:18" x14ac:dyDescent="0.4">
      <c r="A9" s="6">
        <v>42370</v>
      </c>
      <c r="B9" s="6">
        <v>42916</v>
      </c>
      <c r="C9" s="7" t="s">
        <v>9</v>
      </c>
      <c r="D9" s="7" t="s">
        <v>1</v>
      </c>
      <c r="G9" s="1"/>
      <c r="H9" s="5"/>
    </row>
    <row r="10" spans="1:18" x14ac:dyDescent="0.4">
      <c r="A10" s="6">
        <v>42917</v>
      </c>
      <c r="B10" s="6">
        <v>43646</v>
      </c>
      <c r="C10" s="7" t="s">
        <v>10</v>
      </c>
      <c r="D10" s="7" t="s">
        <v>1</v>
      </c>
      <c r="G10" s="1"/>
      <c r="H10" s="5"/>
    </row>
    <row r="11" spans="1:18" x14ac:dyDescent="0.4">
      <c r="A11" s="6">
        <v>43647</v>
      </c>
      <c r="B11" s="6">
        <v>44377</v>
      </c>
      <c r="C11" s="7" t="s">
        <v>11</v>
      </c>
      <c r="D11" s="7" t="s">
        <v>1</v>
      </c>
      <c r="G11" s="1"/>
      <c r="H11" s="5"/>
    </row>
    <row r="12" spans="1:18" x14ac:dyDescent="0.4">
      <c r="A12" s="6">
        <v>44378</v>
      </c>
      <c r="B12" s="6">
        <v>45046</v>
      </c>
      <c r="C12" s="7" t="s">
        <v>22</v>
      </c>
      <c r="D12" s="7" t="s">
        <v>1</v>
      </c>
      <c r="G12" s="1"/>
      <c r="H12" s="5"/>
      <c r="R12" s="3"/>
    </row>
    <row r="13" spans="1:18" x14ac:dyDescent="0.4">
      <c r="A13" s="6">
        <v>45047</v>
      </c>
      <c r="B13" s="6">
        <v>45473</v>
      </c>
      <c r="C13" s="7" t="s">
        <v>16</v>
      </c>
      <c r="D13" s="7" t="s">
        <v>1</v>
      </c>
      <c r="G13" s="1"/>
      <c r="H13" s="5"/>
    </row>
    <row r="14" spans="1:18" x14ac:dyDescent="0.4">
      <c r="A14" s="6">
        <v>45474</v>
      </c>
      <c r="B14" s="6">
        <v>45747</v>
      </c>
      <c r="C14" s="7" t="s">
        <v>24</v>
      </c>
      <c r="D14" s="7" t="s">
        <v>1</v>
      </c>
      <c r="G14" s="1"/>
      <c r="H14" s="5"/>
    </row>
    <row r="15" spans="1:18" x14ac:dyDescent="0.4">
      <c r="A15" s="6">
        <v>45748</v>
      </c>
      <c r="B15" s="6"/>
      <c r="C15" s="7" t="s">
        <v>19</v>
      </c>
      <c r="D15" s="7" t="s">
        <v>1</v>
      </c>
      <c r="G15" s="1"/>
      <c r="H15" s="5"/>
    </row>
    <row r="16" spans="1:18" x14ac:dyDescent="0.4">
      <c r="A16" s="6">
        <v>38169</v>
      </c>
      <c r="B16" s="6">
        <v>38989</v>
      </c>
      <c r="C16" s="7" t="s">
        <v>12</v>
      </c>
      <c r="D16" s="7" t="s">
        <v>17</v>
      </c>
      <c r="G16" s="1"/>
    </row>
    <row r="17" spans="1:8" x14ac:dyDescent="0.4">
      <c r="A17" s="6">
        <v>38992</v>
      </c>
      <c r="B17" s="6">
        <v>39994</v>
      </c>
      <c r="C17" s="7" t="s">
        <v>18</v>
      </c>
      <c r="D17" s="7" t="s">
        <v>17</v>
      </c>
      <c r="G17" s="1"/>
      <c r="H17" s="5"/>
    </row>
    <row r="18" spans="1:8" x14ac:dyDescent="0.4">
      <c r="A18" s="6">
        <v>39995</v>
      </c>
      <c r="B18" s="6">
        <v>40724</v>
      </c>
      <c r="C18" s="7" t="s">
        <v>13</v>
      </c>
      <c r="D18" s="7" t="s">
        <v>17</v>
      </c>
      <c r="G18" s="1"/>
      <c r="H18" s="5"/>
    </row>
    <row r="19" spans="1:8" x14ac:dyDescent="0.4">
      <c r="A19" s="6">
        <v>40725</v>
      </c>
      <c r="B19" s="6">
        <v>41274</v>
      </c>
      <c r="C19" s="7" t="s">
        <v>14</v>
      </c>
      <c r="D19" s="7" t="s">
        <v>17</v>
      </c>
      <c r="G19" s="1"/>
      <c r="H19" s="5"/>
    </row>
    <row r="20" spans="1:8" x14ac:dyDescent="0.4">
      <c r="A20" s="6">
        <v>41275</v>
      </c>
      <c r="B20" s="6">
        <v>41912</v>
      </c>
      <c r="C20" s="7" t="s">
        <v>15</v>
      </c>
      <c r="D20" s="7" t="s">
        <v>17</v>
      </c>
      <c r="G20" s="1"/>
      <c r="H20" s="5"/>
    </row>
    <row r="21" spans="1:8" x14ac:dyDescent="0.4">
      <c r="A21" s="6">
        <v>41913</v>
      </c>
      <c r="B21" s="6">
        <v>42794</v>
      </c>
      <c r="C21" s="7" t="s">
        <v>16</v>
      </c>
      <c r="D21" s="7" t="s">
        <v>17</v>
      </c>
      <c r="G21" s="1"/>
      <c r="H21" s="5"/>
    </row>
    <row r="22" spans="1:8" x14ac:dyDescent="0.4">
      <c r="A22" s="6">
        <v>42795</v>
      </c>
      <c r="B22" s="6">
        <v>43524</v>
      </c>
      <c r="C22" s="7" t="s">
        <v>19</v>
      </c>
      <c r="D22" s="7" t="s">
        <v>17</v>
      </c>
      <c r="G22" s="1"/>
      <c r="H22" s="5"/>
    </row>
    <row r="23" spans="1:8" x14ac:dyDescent="0.4">
      <c r="A23" s="6">
        <v>43525</v>
      </c>
      <c r="B23" s="6">
        <v>44262</v>
      </c>
      <c r="C23" s="7" t="s">
        <v>20</v>
      </c>
      <c r="D23" s="7" t="s">
        <v>17</v>
      </c>
      <c r="G23" s="1"/>
      <c r="H23" s="5"/>
    </row>
    <row r="24" spans="1:8" x14ac:dyDescent="0.4">
      <c r="A24" s="6">
        <v>44263</v>
      </c>
      <c r="B24" s="6">
        <v>44985</v>
      </c>
      <c r="C24" s="7" t="s">
        <v>21</v>
      </c>
      <c r="D24" s="7" t="s">
        <v>17</v>
      </c>
      <c r="G24" s="1"/>
      <c r="H24" s="5"/>
    </row>
    <row r="25" spans="1:8" x14ac:dyDescent="0.4">
      <c r="A25" s="6">
        <v>44986</v>
      </c>
      <c r="B25" s="6">
        <v>45747</v>
      </c>
      <c r="C25" s="7" t="s">
        <v>23</v>
      </c>
      <c r="D25" s="7" t="s">
        <v>17</v>
      </c>
      <c r="G25" s="1"/>
      <c r="H25" s="5"/>
    </row>
    <row r="26" spans="1:8" x14ac:dyDescent="0.4">
      <c r="A26" s="6">
        <v>45748</v>
      </c>
      <c r="B26" s="6"/>
      <c r="C26" s="7" t="s">
        <v>28</v>
      </c>
      <c r="D26" s="7" t="s">
        <v>17</v>
      </c>
      <c r="G26" s="1"/>
      <c r="H26" s="5"/>
    </row>
    <row r="27" spans="1:8" x14ac:dyDescent="0.4">
      <c r="G27" s="1"/>
    </row>
    <row r="34" spans="14:14" x14ac:dyDescent="0.4">
      <c r="N34" s="4"/>
    </row>
  </sheetData>
  <sortState xmlns:xlrd2="http://schemas.microsoft.com/office/spreadsheetml/2017/richdata2" ref="B5:F27">
    <sortCondition ref="B5:B27"/>
  </sortState>
  <phoneticPr fontId="0" type="noConversion"/>
  <pageMargins left="0.75" right="0.75" top="1" bottom="1" header="0" footer="0"/>
  <headerFooter alignWithMargins="0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909ac69-b8ae-4586-93d2-86455d4f05f0">
      <Terms xmlns="http://schemas.microsoft.com/office/infopath/2007/PartnerControls"/>
    </lcf76f155ced4ddcb4097134ff3c332f>
    <TaxCatchAll xmlns="2cf90145-631d-4a74-8b20-0ba52ec8f53f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17AE6CB780D964CB39FCDF55267D17A" ma:contentTypeVersion="13" ma:contentTypeDescription="Opret et nyt dokument." ma:contentTypeScope="" ma:versionID="a5b7f9e1ec152463920288ddfbd36474">
  <xsd:schema xmlns:xsd="http://www.w3.org/2001/XMLSchema" xmlns:xs="http://www.w3.org/2001/XMLSchema" xmlns:p="http://schemas.microsoft.com/office/2006/metadata/properties" xmlns:ns2="b909ac69-b8ae-4586-93d2-86455d4f05f0" xmlns:ns3="2cf90145-631d-4a74-8b20-0ba52ec8f53f" targetNamespace="http://schemas.microsoft.com/office/2006/metadata/properties" ma:root="true" ma:fieldsID="67563b35f6684c7fd625111433f7e8e0" ns2:_="" ns3:_="">
    <xsd:import namespace="b909ac69-b8ae-4586-93d2-86455d4f05f0"/>
    <xsd:import namespace="2cf90145-631d-4a74-8b20-0ba52ec8f53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909ac69-b8ae-4586-93d2-86455d4f05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4" nillable="true" ma:taxonomy="true" ma:internalName="lcf76f155ced4ddcb4097134ff3c332f" ma:taxonomyFieldName="MediaServiceImageTags" ma:displayName="Billedmærker" ma:readOnly="false" ma:fieldId="{5cf76f15-5ced-4ddc-b409-7134ff3c332f}" ma:taxonomyMulti="true" ma:sspId="d694786c-a329-47f2-9688-31d01033598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cf90145-631d-4a74-8b20-0ba52ec8f53f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5" nillable="true" ma:displayName="Taxonomy Catch All Column" ma:hidden="true" ma:list="{715fe186-7ff0-40d4-9d25-1676cf482f8a}" ma:internalName="TaxCatchAll" ma:showField="CatchAllData" ma:web="2cf90145-631d-4a74-8b20-0ba52ec8f5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BC4E3A07-61A6-4080-9463-42350479BC0A}">
  <ds:schemaRefs/>
</ds:datastoreItem>
</file>

<file path=customXml/itemProps2.xml><?xml version="1.0" encoding="utf-8"?>
<ds:datastoreItem xmlns:ds="http://schemas.openxmlformats.org/officeDocument/2006/customXml" ds:itemID="{4CAFB053-9781-4EEC-A62B-7A8ADDA0B6AB}">
  <ds:schemaRefs>
    <ds:schemaRef ds:uri="http://schemas.microsoft.com/office/2006/metadata/properties"/>
    <ds:schemaRef ds:uri="http://schemas.microsoft.com/office/infopath/2007/PartnerControls"/>
    <ds:schemaRef ds:uri="b909ac69-b8ae-4586-93d2-86455d4f05f0"/>
    <ds:schemaRef ds:uri="2cf90145-631d-4a74-8b20-0ba52ec8f53f"/>
  </ds:schemaRefs>
</ds:datastoreItem>
</file>

<file path=customXml/itemProps3.xml><?xml version="1.0" encoding="utf-8"?>
<ds:datastoreItem xmlns:ds="http://schemas.openxmlformats.org/officeDocument/2006/customXml" ds:itemID="{24B8B531-3C7F-4082-AE9D-81279BDE8F10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6DAC51B8-CAF4-4504-B144-D4BBDF43229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909ac69-b8ae-4586-93d2-86455d4f05f0"/>
    <ds:schemaRef ds:uri="2cf90145-631d-4a74-8b20-0ba52ec8f53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D1C3359F-0DE8-48EF-ABA1-DC13F096FC7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Historical Benchmark Segments</vt:lpstr>
    </vt:vector>
  </TitlesOfParts>
  <Company>Danmarks Nationalban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Christian Vorm</dc:creator>
  <cp:lastModifiedBy>Mathias Petersen</cp:lastModifiedBy>
  <dcterms:created xsi:type="dcterms:W3CDTF">2025-01-03T07:04:43Z</dcterms:created>
  <dcterms:modified xsi:type="dcterms:W3CDTF">2025-04-02T08:00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temp</vt:lpwstr>
  </property>
  <property fmtid="{D5CDD505-2E9C-101B-9397-08002B2CF9AE}" pid="3" name="TemplafyTemplateId">
    <vt:lpwstr>710624407351460001</vt:lpwstr>
  </property>
  <property fmtid="{D5CDD505-2E9C-101B-9397-08002B2CF9AE}" pid="4" name="TemplafyUserProfileId">
    <vt:lpwstr>106221218272746043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017AE6CB780D964CB39FCDF55267D17A</vt:lpwstr>
  </property>
</Properties>
</file>